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Dobrý den, 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potvrzuji přijetí spotřeby pac. </w:t>
      </w:r>
      <w:r w:rsidR="00512440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XXXXXXXXX</w:t>
      </w:r>
      <w:r w:rsidRPr="000C15A6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.; bude fakturovaná částkou 123.010,- Kč bez DPH a 137.771,20,- Kč s DPH 12%. 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 xml:space="preserve">V příloze zasílám fakturu. 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S pozdravem a přáním hezkého dne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color w:val="1F497D"/>
          <w:sz w:val="24"/>
          <w:szCs w:val="24"/>
          <w:lang w:eastAsia="cs-CZ"/>
          <w14:ligatures w14:val="standardContextual"/>
        </w:rPr>
        <w:t> </w:t>
      </w:r>
    </w:p>
    <w:p w:rsidR="000C15A6" w:rsidRPr="000C15A6" w:rsidRDefault="00512440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b/>
          <w:bCs/>
          <w:color w:val="C8102E"/>
          <w:sz w:val="26"/>
          <w:szCs w:val="26"/>
          <w:lang w:val="en-US" w:eastAsia="cs-CZ"/>
          <w14:ligatures w14:val="standardContextual"/>
        </w:rPr>
        <w:t>XXXXXXXXXXXXX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LOGISTIC SPECIALIST LIMA CZ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Calibri Light" w:eastAsia="Times New Roman" w:hAnsi="Calibri Light" w:cs="Calibri Light"/>
          <w:color w:val="4D4D4F"/>
          <w:sz w:val="10"/>
          <w:szCs w:val="10"/>
          <w:lang w:val="en-US" w:eastAsia="cs-CZ"/>
          <w14:ligatures w14:val="standardContextual"/>
        </w:rPr>
        <w:t> </w:t>
      </w:r>
    </w:p>
    <w:p w:rsidR="000C15A6" w:rsidRPr="000C15A6" w:rsidRDefault="00512440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XXXXXXXXXXXXXXXXXXXXXXX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T +420 257 286 731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F +420 222 723 568</w:t>
      </w:r>
    </w:p>
    <w:p w:rsidR="000C15A6" w:rsidRPr="000C15A6" w:rsidRDefault="00512440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  <w14:ligatures w14:val="standardContextual"/>
        </w:rPr>
        <w:t>M XXXXXXXXXXXX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28600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28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Calibri Light" w:eastAsia="Times New Roman" w:hAnsi="Calibri Light" w:cs="Calibri Light"/>
          <w:color w:val="4D4D4F"/>
          <w:sz w:val="10"/>
          <w:szCs w:val="10"/>
          <w:lang w:val="it-IT" w:eastAsia="cs-CZ"/>
          <w14:ligatures w14:val="standardContextual"/>
        </w:rPr>
        <w:t> 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 xml:space="preserve">Lima CZ s.r.o. 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Do Zahrádek I 157/5</w:t>
      </w:r>
      <w:bookmarkStart w:id="0" w:name="_GoBack"/>
      <w:bookmarkEnd w:id="0"/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155 21  Praha 5 – Třebonice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Calibri Light" w:eastAsia="Times New Roman" w:hAnsi="Calibri Light" w:cs="Calibri Light"/>
          <w:color w:val="4D4D4F"/>
          <w:sz w:val="18"/>
          <w:szCs w:val="18"/>
          <w:lang w:val="it-IT" w:eastAsia="cs-CZ"/>
          <w14:ligatures w14:val="standardContextual"/>
        </w:rPr>
        <w:t>Czech republic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0C15A6">
        <w:rPr>
          <w:rFonts w:ascii="Arial" w:eastAsia="Times New Roman" w:hAnsi="Arial" w:cs="Arial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0C15A6" w:rsidRPr="000C15A6" w:rsidRDefault="000C15A6" w:rsidP="000C15A6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sz w:val="24"/>
          <w:szCs w:val="24"/>
          <w:lang w:eastAsia="cs-CZ"/>
        </w:rPr>
        <w:drawing>
          <wp:inline distT="0" distB="0" distL="0" distR="0">
            <wp:extent cx="3657600" cy="352425"/>
            <wp:effectExtent l="0" t="0" r="0" b="9525"/>
            <wp:docPr id="1" name="Obrázek 1" descr="C:\Users\s0126\AppData\Local\Temp\IceWarp Desktop Client temporary files\kpg0ahl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kpg0ahle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524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019E3" w:rsidRDefault="00D019E3"/>
    <w:sectPr w:rsidR="00D019E3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C15A6"/>
    <w:rsid w:val="000C15A6"/>
    <w:rsid w:val="00512440"/>
    <w:rsid w:val="00D019E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0C15A6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0C15A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0C15A6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0C15A6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0C15A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0C15A6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081504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65</Words>
  <Characters>390</Characters>
  <Application>Microsoft Office Word</Application>
  <DocSecurity>0</DocSecurity>
  <Lines>3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5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5-01-02T13:21:00Z</dcterms:created>
  <dcterms:modified xsi:type="dcterms:W3CDTF">2025-01-02T13:21:00Z</dcterms:modified>
</cp:coreProperties>
</file>